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 defaultThemeVersion="124226"/>
  <bookViews>
    <workbookView xWindow="-2370" yWindow="765" windowWidth="20520" windowHeight="8055"/>
  </bookViews>
  <sheets>
    <sheet name="認定こども園" sheetId="1" r:id="rId1"/>
  </sheets>
  <definedNames>
    <definedName name="_xlnm._FilterDatabase" localSheetId="0" hidden="1">認定こども園!#REF!</definedName>
    <definedName name="data_03" localSheetId="0">認定こども園!$I$2:$K$13</definedName>
    <definedName name="DATA1">認定こども園!#REF!</definedName>
    <definedName name="FULLDATA">認定こども園!#REF!</definedName>
    <definedName name="PRINT">認定こども園!#REF!</definedName>
    <definedName name="_xlnm.Print_Area" localSheetId="0">認定こども園!$A$1:$H$14</definedName>
    <definedName name="_xlnm.Print_Titles" localSheetId="0">認定こども園!$A:$C,認定こども園!#REF!</definedName>
    <definedName name="TEST1">認定こども園!#REF!</definedName>
    <definedName name="安来市">認定こども園!#REF!</definedName>
    <definedName name="益田市">認定こども園!#REF!</definedName>
    <definedName name="江津市">認定こども園!#REF!</definedName>
    <definedName name="出雲市">認定こども園!#REF!</definedName>
    <definedName name="松江市">認定こども園!#REF!</definedName>
    <definedName name="大田市">認定こども園!#REF!</definedName>
    <definedName name="美保関町">認定こども園!#REF!</definedName>
    <definedName name="浜田市">認定こども園!#REF!</definedName>
    <definedName name="平田市">認定こども園!#REF!</definedName>
  </definedNames>
  <calcPr calcId="145621"/>
</workbook>
</file>

<file path=xl/connections.xml><?xml version="1.0" encoding="utf-8"?>
<connections xmlns="http://schemas.openxmlformats.org/spreadsheetml/2006/main">
  <connection id="1" name="data_031" type="6" refreshedVersion="4" background="1" saveData="1">
    <textPr codePage="932" sourceFile="C:\Users\s00150\Documents\md_情報政策課_2017_01\170224_子ども・子育て支援課\csvtxt\data_03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84" uniqueCount="62">
  <si>
    <t>安来市</t>
  </si>
  <si>
    <t>出雲市</t>
  </si>
  <si>
    <t>雲南市</t>
  </si>
  <si>
    <t>市町村</t>
  </si>
  <si>
    <t>設置</t>
    <rPh sb="0" eb="2">
      <t>セッチ</t>
    </rPh>
    <phoneticPr fontId="2"/>
  </si>
  <si>
    <t>施設名</t>
    <rPh sb="0" eb="2">
      <t>シセツ</t>
    </rPh>
    <rPh sb="2" eb="3">
      <t>メイ</t>
    </rPh>
    <phoneticPr fontId="2"/>
  </si>
  <si>
    <t>松江市</t>
    <rPh sb="0" eb="3">
      <t>マツエシ</t>
    </rPh>
    <phoneticPr fontId="2"/>
  </si>
  <si>
    <t>私</t>
    <rPh sb="0" eb="1">
      <t>ワタシ</t>
    </rPh>
    <phoneticPr fontId="2"/>
  </si>
  <si>
    <t>学校法人朋和学園　育英幼稚園</t>
    <rPh sb="0" eb="2">
      <t>ガッコウ</t>
    </rPh>
    <rPh sb="2" eb="4">
      <t>ホウジン</t>
    </rPh>
    <rPh sb="4" eb="6">
      <t>ホウワ</t>
    </rPh>
    <rPh sb="6" eb="8">
      <t>ガクエン</t>
    </rPh>
    <rPh sb="9" eb="11">
      <t>イクエイ</t>
    </rPh>
    <rPh sb="11" eb="14">
      <t>ヨウチエン</t>
    </rPh>
    <phoneticPr fontId="2"/>
  </si>
  <si>
    <t>学校法人朋和学園　育英北幼稚園</t>
    <rPh sb="0" eb="2">
      <t>ガッコウ</t>
    </rPh>
    <rPh sb="2" eb="4">
      <t>ホウジン</t>
    </rPh>
    <rPh sb="4" eb="6">
      <t>ホウワ</t>
    </rPh>
    <rPh sb="6" eb="8">
      <t>ガクエン</t>
    </rPh>
    <rPh sb="9" eb="11">
      <t>イクエイ</t>
    </rPh>
    <rPh sb="11" eb="12">
      <t>キタ</t>
    </rPh>
    <rPh sb="12" eb="15">
      <t>ヨウチエン</t>
    </rPh>
    <phoneticPr fontId="2"/>
  </si>
  <si>
    <t>認定こども園　北陵幼稚園　北陵保育園</t>
  </si>
  <si>
    <t>認定こども園　光幼保園 </t>
  </si>
  <si>
    <t>出雲市</t>
    <phoneticPr fontId="2"/>
  </si>
  <si>
    <t>多伎こども園</t>
    <rPh sb="0" eb="2">
      <t>タキ</t>
    </rPh>
    <rPh sb="5" eb="6">
      <t>エン</t>
    </rPh>
    <phoneticPr fontId="2"/>
  </si>
  <si>
    <t>益田市</t>
    <rPh sb="0" eb="3">
      <t>マスダシ</t>
    </rPh>
    <phoneticPr fontId="2"/>
  </si>
  <si>
    <t>認定こども園　まどころナーサリースクール</t>
    <rPh sb="0" eb="2">
      <t>ニンテイ</t>
    </rPh>
    <rPh sb="5" eb="6">
      <t>エン</t>
    </rPh>
    <phoneticPr fontId="2"/>
  </si>
  <si>
    <t>公</t>
    <rPh sb="0" eb="1">
      <t>オオヤケ</t>
    </rPh>
    <phoneticPr fontId="2"/>
  </si>
  <si>
    <t>認定こども園荒島</t>
  </si>
  <si>
    <t>認定こども園木次こども園</t>
  </si>
  <si>
    <t>雲南市</t>
    <rPh sb="0" eb="3">
      <t>ウンナンシ</t>
    </rPh>
    <phoneticPr fontId="2"/>
  </si>
  <si>
    <t>雲南市立認定こども園加茂こども園</t>
    <rPh sb="0" eb="2">
      <t>ウンナン</t>
    </rPh>
    <rPh sb="2" eb="4">
      <t>シリツ</t>
    </rPh>
    <rPh sb="4" eb="6">
      <t>ニンテイ</t>
    </rPh>
    <rPh sb="9" eb="10">
      <t>エン</t>
    </rPh>
    <rPh sb="10" eb="12">
      <t>カモ</t>
    </rPh>
    <rPh sb="15" eb="16">
      <t>エン</t>
    </rPh>
    <phoneticPr fontId="2"/>
  </si>
  <si>
    <t>雲南市立認定こども園海潮こども園</t>
    <rPh sb="0" eb="2">
      <t>ウンナン</t>
    </rPh>
    <rPh sb="2" eb="4">
      <t>シリツ</t>
    </rPh>
    <rPh sb="4" eb="6">
      <t>ニンテイ</t>
    </rPh>
    <rPh sb="9" eb="10">
      <t>エン</t>
    </rPh>
    <rPh sb="10" eb="12">
      <t>ウシオ</t>
    </rPh>
    <rPh sb="15" eb="16">
      <t>エン</t>
    </rPh>
    <phoneticPr fontId="2"/>
  </si>
  <si>
    <t>雲南市立認定こども園斐伊こども園</t>
    <rPh sb="0" eb="2">
      <t>ウンナン</t>
    </rPh>
    <rPh sb="2" eb="4">
      <t>シリツ</t>
    </rPh>
    <rPh sb="4" eb="6">
      <t>ニンテイ</t>
    </rPh>
    <rPh sb="9" eb="10">
      <t>エン</t>
    </rPh>
    <rPh sb="10" eb="12">
      <t>ヒイ</t>
    </rPh>
    <rPh sb="15" eb="16">
      <t>エン</t>
    </rPh>
    <phoneticPr fontId="2"/>
  </si>
  <si>
    <t>雲南市立認定こども園三刀屋こども園</t>
    <rPh sb="0" eb="2">
      <t>ウンナン</t>
    </rPh>
    <rPh sb="2" eb="4">
      <t>シリツ</t>
    </rPh>
    <rPh sb="4" eb="6">
      <t>ニンテイ</t>
    </rPh>
    <rPh sb="9" eb="10">
      <t>エン</t>
    </rPh>
    <rPh sb="10" eb="13">
      <t>ミトヤ</t>
    </rPh>
    <rPh sb="16" eb="17">
      <t>エン</t>
    </rPh>
    <phoneticPr fontId="2"/>
  </si>
  <si>
    <t>郵便番号</t>
    <rPh sb="0" eb="4">
      <t>ユウビンバンゴウ</t>
    </rPh>
    <phoneticPr fontId="2"/>
  </si>
  <si>
    <t>所在地</t>
    <rPh sb="0" eb="3">
      <t>ショザイチ</t>
    </rPh>
    <phoneticPr fontId="2"/>
  </si>
  <si>
    <t>電話番号</t>
    <rPh sb="0" eb="2">
      <t>デンワ</t>
    </rPh>
    <rPh sb="2" eb="4">
      <t>バンゴウ</t>
    </rPh>
    <phoneticPr fontId="2"/>
  </si>
  <si>
    <t>松江市大庭町1197-1</t>
    <rPh sb="0" eb="3">
      <t>マツエシ</t>
    </rPh>
    <rPh sb="3" eb="6">
      <t>オオバチョウ</t>
    </rPh>
    <phoneticPr fontId="2"/>
  </si>
  <si>
    <t>松江市下東川津町728-10</t>
    <rPh sb="0" eb="3">
      <t>マツエシ</t>
    </rPh>
    <rPh sb="3" eb="8">
      <t>シモヒガシカワツチョウ</t>
    </rPh>
    <phoneticPr fontId="2"/>
  </si>
  <si>
    <t>出雲市斐川町上直江3337番地</t>
  </si>
  <si>
    <t>出雲市灘分町53番地２</t>
  </si>
  <si>
    <t>出雲市多伎町小田50番地５</t>
    <rPh sb="0" eb="3">
      <t>イズモシ</t>
    </rPh>
    <rPh sb="3" eb="6">
      <t>タキチョウ</t>
    </rPh>
    <rPh sb="6" eb="8">
      <t>オダ</t>
    </rPh>
    <rPh sb="10" eb="12">
      <t>バンチ</t>
    </rPh>
    <phoneticPr fontId="2"/>
  </si>
  <si>
    <t>益田市中島町ロ123番地２</t>
    <rPh sb="0" eb="3">
      <t>マスダシ</t>
    </rPh>
    <rPh sb="3" eb="6">
      <t>ナカシマチョウ</t>
    </rPh>
    <rPh sb="10" eb="12">
      <t>バンチ</t>
    </rPh>
    <phoneticPr fontId="2"/>
  </si>
  <si>
    <t>安来市荒島町3508</t>
    <phoneticPr fontId="2"/>
  </si>
  <si>
    <t>雲南市加茂町宇治238番地</t>
    <rPh sb="0" eb="3">
      <t>ウンナンシ</t>
    </rPh>
    <rPh sb="3" eb="6">
      <t>カモチョウ</t>
    </rPh>
    <rPh sb="6" eb="8">
      <t>ウジ</t>
    </rPh>
    <rPh sb="11" eb="13">
      <t>バンチ</t>
    </rPh>
    <phoneticPr fontId="2"/>
  </si>
  <si>
    <t>雲南市大東町南村196番地</t>
    <rPh sb="0" eb="3">
      <t>ウンナンシ</t>
    </rPh>
    <rPh sb="3" eb="6">
      <t>ダイトウチョウ</t>
    </rPh>
    <rPh sb="6" eb="8">
      <t>ミナミムラ</t>
    </rPh>
    <rPh sb="11" eb="13">
      <t>バンチ</t>
    </rPh>
    <phoneticPr fontId="2"/>
  </si>
  <si>
    <t>雲南市木次町里方1064番地</t>
    <rPh sb="0" eb="3">
      <t>ウンナンシ</t>
    </rPh>
    <rPh sb="3" eb="6">
      <t>キスキチョウ</t>
    </rPh>
    <rPh sb="6" eb="8">
      <t>サトガタ</t>
    </rPh>
    <rPh sb="12" eb="14">
      <t>バンチ</t>
    </rPh>
    <phoneticPr fontId="2"/>
  </si>
  <si>
    <t>雲南市三刀屋町給下750番地2</t>
    <rPh sb="0" eb="3">
      <t>ウンナンシ</t>
    </rPh>
    <rPh sb="3" eb="7">
      <t>ミトヤチョウ</t>
    </rPh>
    <rPh sb="7" eb="9">
      <t>キュウカ</t>
    </rPh>
    <rPh sb="12" eb="14">
      <t>バンチ</t>
    </rPh>
    <phoneticPr fontId="2"/>
  </si>
  <si>
    <t>類型</t>
  </si>
  <si>
    <t>幼稚園型</t>
    <rPh sb="0" eb="3">
      <t>ヨウチエン</t>
    </rPh>
    <rPh sb="3" eb="4">
      <t>ガタ</t>
    </rPh>
    <phoneticPr fontId="2"/>
  </si>
  <si>
    <t>幼保連携型</t>
  </si>
  <si>
    <t>幼保連携型</t>
    <phoneticPr fontId="2"/>
  </si>
  <si>
    <t>地方裁量型</t>
    <rPh sb="0" eb="2">
      <t>チホウ</t>
    </rPh>
    <rPh sb="2" eb="5">
      <t>サイリョウガタ</t>
    </rPh>
    <phoneticPr fontId="2"/>
  </si>
  <si>
    <t>幼保連携型</t>
    <rPh sb="0" eb="2">
      <t>ヨウホ</t>
    </rPh>
    <rPh sb="2" eb="5">
      <t>レンケイガタ</t>
    </rPh>
    <phoneticPr fontId="2"/>
  </si>
  <si>
    <t>0852　23-1981</t>
    <phoneticPr fontId="2"/>
  </si>
  <si>
    <t>0852　31-1981</t>
    <phoneticPr fontId="2"/>
  </si>
  <si>
    <t>0853　73-7296</t>
    <phoneticPr fontId="2"/>
  </si>
  <si>
    <t>0853　63-3681</t>
    <phoneticPr fontId="2"/>
  </si>
  <si>
    <t>0853　86-2030</t>
    <phoneticPr fontId="2"/>
  </si>
  <si>
    <t>0856　23-5470</t>
    <phoneticPr fontId="2"/>
  </si>
  <si>
    <t>0854　28-8416</t>
    <phoneticPr fontId="2"/>
  </si>
  <si>
    <t>0854　42-2341</t>
    <phoneticPr fontId="2"/>
  </si>
  <si>
    <t>0854　49-6760</t>
    <phoneticPr fontId="2"/>
  </si>
  <si>
    <t>0854　43-2298</t>
    <phoneticPr fontId="2"/>
  </si>
  <si>
    <t>0854　42-2130</t>
    <phoneticPr fontId="2"/>
  </si>
  <si>
    <t>0854　45-2168</t>
    <phoneticPr fontId="2"/>
  </si>
  <si>
    <t>雲南市木次町新市53番地、雲南市木次町新市160番地</t>
    <phoneticPr fontId="1"/>
  </si>
  <si>
    <t>緯度</t>
    <rPh sb="0" eb="2">
      <t>イド</t>
    </rPh>
    <phoneticPr fontId="1"/>
  </si>
  <si>
    <t>経度</t>
    <rPh sb="0" eb="2">
      <t>ケイド</t>
    </rPh>
    <phoneticPr fontId="1"/>
  </si>
  <si>
    <t>緯度2</t>
    <rPh sb="0" eb="2">
      <t>イド</t>
    </rPh>
    <phoneticPr fontId="1"/>
  </si>
  <si>
    <t>経度2</t>
    <rPh sb="0" eb="2">
      <t>ケイド</t>
    </rPh>
    <phoneticPr fontId="1"/>
  </si>
  <si>
    <t>定員（保育）</t>
    <rPh sb="3" eb="5">
      <t>ホイ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color rgb="FF00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">
    <xf numFmtId="0" fontId="0" fillId="0" borderId="0" xfId="0" applyNumberFormat="1" applyFont="1" applyAlignment="1" applyProtection="1">
      <protection locked="0"/>
    </xf>
    <xf numFmtId="0" fontId="0" fillId="0" borderId="0" xfId="0" applyFont="1" applyFill="1" applyAlignment="1">
      <alignment vertical="center"/>
    </xf>
    <xf numFmtId="0" fontId="0" fillId="0" borderId="0" xfId="0" applyNumberFormat="1" applyFont="1" applyFill="1" applyAlignment="1">
      <alignment vertical="center"/>
    </xf>
    <xf numFmtId="0" fontId="0" fillId="0" borderId="1" xfId="0" applyNumberFormat="1" applyFont="1" applyBorder="1" applyAlignment="1" applyProtection="1">
      <alignment vertical="center"/>
      <protection locked="0"/>
    </xf>
    <xf numFmtId="0" fontId="3" fillId="0" borderId="1" xfId="0" applyFont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0" fontId="0" fillId="0" borderId="0" xfId="0" applyNumberFormat="1" applyFont="1" applyFill="1" applyAlignment="1" applyProtection="1">
      <alignment vertical="center"/>
      <protection locked="0"/>
    </xf>
    <xf numFmtId="0" fontId="0" fillId="0" borderId="1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data_03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autoPageBreaks="0"/>
  </sheetPr>
  <dimension ref="A1:BY13"/>
  <sheetViews>
    <sheetView tabSelected="1" showOutlineSymbols="0" zoomScale="87" zoomScaleNormal="87" zoomScaleSheetLayoutView="75" workbookViewId="0">
      <selection activeCell="E12" sqref="E12"/>
    </sheetView>
  </sheetViews>
  <sheetFormatPr defaultColWidth="10.75" defaultRowHeight="15.75" customHeight="1" x14ac:dyDescent="0.15"/>
  <cols>
    <col min="1" max="1" width="12.125" style="1" bestFit="1" customWidth="1"/>
    <col min="2" max="2" width="6" style="1" bestFit="1" customWidth="1"/>
    <col min="3" max="3" width="36.75" style="1" customWidth="1"/>
    <col min="4" max="4" width="7.5" style="1" customWidth="1"/>
    <col min="5" max="5" width="10" style="2" bestFit="1" customWidth="1"/>
    <col min="6" max="6" width="63.25" style="1" customWidth="1"/>
    <col min="7" max="7" width="16.125" style="1" bestFit="1" customWidth="1"/>
    <col min="8" max="8" width="14.125" style="1" customWidth="1"/>
    <col min="9" max="77" width="10.75" style="1" customWidth="1"/>
    <col min="78" max="16384" width="10.75" style="6"/>
  </cols>
  <sheetData>
    <row r="1" spans="1:77" ht="15.75" customHeight="1" x14ac:dyDescent="0.15">
      <c r="A1" s="4" t="s">
        <v>3</v>
      </c>
      <c r="B1" s="4" t="s">
        <v>4</v>
      </c>
      <c r="C1" s="4" t="s">
        <v>5</v>
      </c>
      <c r="D1" s="4" t="s">
        <v>61</v>
      </c>
      <c r="E1" s="4" t="s">
        <v>24</v>
      </c>
      <c r="F1" s="4" t="s">
        <v>25</v>
      </c>
      <c r="G1" s="4" t="s">
        <v>26</v>
      </c>
      <c r="H1" s="4" t="s">
        <v>38</v>
      </c>
      <c r="I1" s="5" t="s">
        <v>57</v>
      </c>
      <c r="J1" s="5" t="s">
        <v>58</v>
      </c>
      <c r="K1" s="5" t="s">
        <v>59</v>
      </c>
      <c r="L1" s="5" t="s">
        <v>60</v>
      </c>
      <c r="BU1" s="6"/>
      <c r="BV1" s="6"/>
      <c r="BW1" s="6"/>
      <c r="BX1" s="6"/>
      <c r="BY1" s="6"/>
    </row>
    <row r="2" spans="1:77" ht="15.75" customHeight="1" x14ac:dyDescent="0.15">
      <c r="A2" s="4" t="s">
        <v>6</v>
      </c>
      <c r="B2" s="4" t="s">
        <v>7</v>
      </c>
      <c r="C2" s="4" t="s">
        <v>8</v>
      </c>
      <c r="D2" s="4">
        <v>30</v>
      </c>
      <c r="E2" s="4">
        <v>6900033</v>
      </c>
      <c r="F2" s="4" t="s">
        <v>27</v>
      </c>
      <c r="G2" s="4" t="s">
        <v>44</v>
      </c>
      <c r="H2" s="4" t="s">
        <v>39</v>
      </c>
      <c r="I2" s="3">
        <v>35.432677900000002</v>
      </c>
      <c r="J2" s="3">
        <v>133.0699802</v>
      </c>
      <c r="K2" s="3"/>
      <c r="L2" s="7"/>
      <c r="BS2" s="6"/>
      <c r="BT2" s="6"/>
      <c r="BU2" s="6"/>
      <c r="BV2" s="6"/>
      <c r="BW2" s="6"/>
      <c r="BX2" s="6"/>
      <c r="BY2" s="6"/>
    </row>
    <row r="3" spans="1:77" ht="15.75" customHeight="1" x14ac:dyDescent="0.15">
      <c r="A3" s="4" t="s">
        <v>6</v>
      </c>
      <c r="B3" s="4" t="s">
        <v>7</v>
      </c>
      <c r="C3" s="4" t="s">
        <v>9</v>
      </c>
      <c r="D3" s="4">
        <v>20</v>
      </c>
      <c r="E3" s="4">
        <v>6900822</v>
      </c>
      <c r="F3" s="4" t="s">
        <v>28</v>
      </c>
      <c r="G3" s="4" t="s">
        <v>45</v>
      </c>
      <c r="H3" s="4" t="s">
        <v>39</v>
      </c>
      <c r="I3" s="3">
        <v>35.492121699999998</v>
      </c>
      <c r="J3" s="3">
        <v>133.08667579999999</v>
      </c>
      <c r="K3" s="3"/>
      <c r="L3" s="7"/>
      <c r="BS3" s="6"/>
      <c r="BT3" s="6"/>
      <c r="BU3" s="6"/>
      <c r="BV3" s="6"/>
      <c r="BW3" s="6"/>
      <c r="BX3" s="6"/>
      <c r="BY3" s="6"/>
    </row>
    <row r="4" spans="1:77" ht="15.75" customHeight="1" x14ac:dyDescent="0.15">
      <c r="A4" s="4" t="s">
        <v>1</v>
      </c>
      <c r="B4" s="4" t="s">
        <v>7</v>
      </c>
      <c r="C4" s="4" t="s">
        <v>10</v>
      </c>
      <c r="D4" s="4">
        <v>60</v>
      </c>
      <c r="E4" s="4">
        <v>6990624</v>
      </c>
      <c r="F4" s="4" t="s">
        <v>29</v>
      </c>
      <c r="G4" s="4" t="s">
        <v>46</v>
      </c>
      <c r="H4" s="4" t="s">
        <v>40</v>
      </c>
      <c r="I4" s="3">
        <v>35.386733700000001</v>
      </c>
      <c r="J4" s="3">
        <v>132.80418929999999</v>
      </c>
      <c r="K4" s="3"/>
      <c r="L4" s="7"/>
      <c r="BS4" s="6"/>
      <c r="BT4" s="6"/>
      <c r="BU4" s="6"/>
      <c r="BV4" s="6"/>
      <c r="BW4" s="6"/>
      <c r="BX4" s="6"/>
      <c r="BY4" s="6"/>
    </row>
    <row r="5" spans="1:77" ht="15.75" customHeight="1" x14ac:dyDescent="0.15">
      <c r="A5" s="4" t="s">
        <v>1</v>
      </c>
      <c r="B5" s="4" t="s">
        <v>7</v>
      </c>
      <c r="C5" s="4" t="s">
        <v>11</v>
      </c>
      <c r="D5" s="4">
        <v>50</v>
      </c>
      <c r="E5" s="4">
        <v>6910003</v>
      </c>
      <c r="F5" s="4" t="s">
        <v>30</v>
      </c>
      <c r="G5" s="4" t="s">
        <v>47</v>
      </c>
      <c r="H5" s="4" t="s">
        <v>41</v>
      </c>
      <c r="I5" s="3">
        <v>35.428171200000001</v>
      </c>
      <c r="J5" s="3">
        <v>132.83209869999999</v>
      </c>
      <c r="K5" s="3"/>
      <c r="L5" s="7"/>
      <c r="BU5" s="6"/>
      <c r="BV5" s="6"/>
      <c r="BW5" s="6"/>
      <c r="BX5" s="6"/>
      <c r="BY5" s="6"/>
    </row>
    <row r="6" spans="1:77" ht="15.75" customHeight="1" x14ac:dyDescent="0.15">
      <c r="A6" s="4" t="s">
        <v>12</v>
      </c>
      <c r="B6" s="4" t="s">
        <v>7</v>
      </c>
      <c r="C6" s="4" t="s">
        <v>13</v>
      </c>
      <c r="D6" s="4">
        <v>100</v>
      </c>
      <c r="E6" s="4">
        <v>6990903</v>
      </c>
      <c r="F6" s="4" t="s">
        <v>31</v>
      </c>
      <c r="G6" s="4" t="s">
        <v>48</v>
      </c>
      <c r="H6" s="4" t="s">
        <v>41</v>
      </c>
      <c r="I6" s="3">
        <v>35.284862500000003</v>
      </c>
      <c r="J6" s="3">
        <v>132.62681000000001</v>
      </c>
      <c r="K6" s="3"/>
      <c r="L6" s="7"/>
      <c r="BU6" s="6"/>
      <c r="BV6" s="6"/>
      <c r="BW6" s="6"/>
      <c r="BX6" s="6"/>
      <c r="BY6" s="6"/>
    </row>
    <row r="7" spans="1:77" ht="15.75" customHeight="1" x14ac:dyDescent="0.15">
      <c r="A7" s="4" t="s">
        <v>14</v>
      </c>
      <c r="B7" s="4" t="s">
        <v>7</v>
      </c>
      <c r="C7" s="4" t="s">
        <v>15</v>
      </c>
      <c r="D7" s="4">
        <v>59</v>
      </c>
      <c r="E7" s="4">
        <v>6980043</v>
      </c>
      <c r="F7" s="4" t="s">
        <v>32</v>
      </c>
      <c r="G7" s="4" t="s">
        <v>49</v>
      </c>
      <c r="H7" s="4" t="s">
        <v>42</v>
      </c>
      <c r="I7" s="3">
        <v>34.681969100000003</v>
      </c>
      <c r="J7" s="3">
        <v>131.83389600000001</v>
      </c>
      <c r="K7" s="3"/>
      <c r="L7" s="7"/>
      <c r="BU7" s="6"/>
      <c r="BV7" s="6"/>
      <c r="BW7" s="6"/>
      <c r="BX7" s="6"/>
      <c r="BY7" s="6"/>
    </row>
    <row r="8" spans="1:77" ht="15.75" customHeight="1" x14ac:dyDescent="0.15">
      <c r="A8" s="4" t="s">
        <v>0</v>
      </c>
      <c r="B8" s="4" t="s">
        <v>16</v>
      </c>
      <c r="C8" s="4" t="s">
        <v>17</v>
      </c>
      <c r="D8" s="4">
        <v>80</v>
      </c>
      <c r="E8" s="4">
        <v>6920007</v>
      </c>
      <c r="F8" s="4" t="s">
        <v>33</v>
      </c>
      <c r="G8" s="4" t="s">
        <v>50</v>
      </c>
      <c r="H8" s="4" t="s">
        <v>40</v>
      </c>
      <c r="I8" s="3">
        <v>35.433516500000003</v>
      </c>
      <c r="J8" s="3">
        <v>133.20425169999999</v>
      </c>
      <c r="K8" s="3"/>
      <c r="L8" s="7"/>
      <c r="BU8" s="6"/>
      <c r="BV8" s="6"/>
      <c r="BW8" s="6"/>
      <c r="BX8" s="6"/>
      <c r="BY8" s="6"/>
    </row>
    <row r="9" spans="1:77" ht="15.75" customHeight="1" x14ac:dyDescent="0.15">
      <c r="A9" s="4" t="s">
        <v>2</v>
      </c>
      <c r="B9" s="4" t="s">
        <v>16</v>
      </c>
      <c r="C9" s="4" t="s">
        <v>18</v>
      </c>
      <c r="D9" s="4">
        <v>100</v>
      </c>
      <c r="E9" s="4">
        <v>6991334</v>
      </c>
      <c r="F9" s="4" t="s">
        <v>56</v>
      </c>
      <c r="G9" s="4" t="s">
        <v>51</v>
      </c>
      <c r="H9" s="4" t="s">
        <v>41</v>
      </c>
      <c r="I9" s="3">
        <v>35.288897599999999</v>
      </c>
      <c r="J9" s="3">
        <v>132.8962282</v>
      </c>
      <c r="K9" s="3">
        <v>35.287825499999997</v>
      </c>
      <c r="L9" s="3">
        <v>132.89624209999999</v>
      </c>
      <c r="BU9" s="6"/>
      <c r="BV9" s="6"/>
      <c r="BW9" s="6"/>
      <c r="BX9" s="6"/>
      <c r="BY9" s="6"/>
    </row>
    <row r="10" spans="1:77" ht="15.75" customHeight="1" x14ac:dyDescent="0.15">
      <c r="A10" s="4" t="s">
        <v>19</v>
      </c>
      <c r="B10" s="4" t="s">
        <v>16</v>
      </c>
      <c r="C10" s="4" t="s">
        <v>20</v>
      </c>
      <c r="D10" s="4">
        <v>175</v>
      </c>
      <c r="E10" s="4">
        <v>6991105</v>
      </c>
      <c r="F10" s="4" t="s">
        <v>34</v>
      </c>
      <c r="G10" s="4" t="s">
        <v>52</v>
      </c>
      <c r="H10" s="4" t="s">
        <v>43</v>
      </c>
      <c r="I10" s="3">
        <v>35.344709600000002</v>
      </c>
      <c r="J10" s="3">
        <v>132.90159019999999</v>
      </c>
      <c r="K10" s="3"/>
      <c r="L10" s="7"/>
      <c r="BU10" s="6"/>
      <c r="BV10" s="6"/>
      <c r="BW10" s="6"/>
      <c r="BX10" s="6"/>
      <c r="BY10" s="6"/>
    </row>
    <row r="11" spans="1:77" ht="15.75" customHeight="1" x14ac:dyDescent="0.15">
      <c r="A11" s="4" t="s">
        <v>19</v>
      </c>
      <c r="B11" s="4" t="s">
        <v>16</v>
      </c>
      <c r="C11" s="4" t="s">
        <v>21</v>
      </c>
      <c r="D11" s="4">
        <v>15</v>
      </c>
      <c r="E11" s="4">
        <v>6991206</v>
      </c>
      <c r="F11" s="4" t="s">
        <v>35</v>
      </c>
      <c r="G11" s="4" t="s">
        <v>53</v>
      </c>
      <c r="H11" s="4" t="s">
        <v>39</v>
      </c>
      <c r="I11" s="3">
        <v>35.3363169</v>
      </c>
      <c r="J11" s="3">
        <v>133.0198278</v>
      </c>
      <c r="K11" s="3"/>
      <c r="L11" s="7"/>
      <c r="BU11" s="6"/>
      <c r="BV11" s="6"/>
      <c r="BW11" s="6"/>
      <c r="BX11" s="6"/>
      <c r="BY11" s="6"/>
    </row>
    <row r="12" spans="1:77" ht="15.75" customHeight="1" x14ac:dyDescent="0.15">
      <c r="A12" s="4" t="s">
        <v>19</v>
      </c>
      <c r="B12" s="4" t="s">
        <v>16</v>
      </c>
      <c r="C12" s="4" t="s">
        <v>22</v>
      </c>
      <c r="D12" s="4">
        <v>30</v>
      </c>
      <c r="E12" s="4">
        <v>6991311</v>
      </c>
      <c r="F12" s="4" t="s">
        <v>36</v>
      </c>
      <c r="G12" s="4" t="s">
        <v>54</v>
      </c>
      <c r="H12" s="4" t="s">
        <v>39</v>
      </c>
      <c r="I12" s="3">
        <v>35.309994799999998</v>
      </c>
      <c r="J12" s="3">
        <v>132.9023603</v>
      </c>
      <c r="K12" s="3"/>
      <c r="L12" s="7"/>
      <c r="BU12" s="6"/>
      <c r="BV12" s="6"/>
      <c r="BW12" s="6"/>
      <c r="BX12" s="6"/>
      <c r="BY12" s="6"/>
    </row>
    <row r="13" spans="1:77" ht="15.75" customHeight="1" x14ac:dyDescent="0.15">
      <c r="A13" s="4" t="s">
        <v>19</v>
      </c>
      <c r="B13" s="4" t="s">
        <v>16</v>
      </c>
      <c r="C13" s="4" t="s">
        <v>23</v>
      </c>
      <c r="D13" s="4">
        <v>20</v>
      </c>
      <c r="E13" s="4">
        <v>6902402</v>
      </c>
      <c r="F13" s="4" t="s">
        <v>37</v>
      </c>
      <c r="G13" s="4" t="s">
        <v>55</v>
      </c>
      <c r="H13" s="4" t="s">
        <v>39</v>
      </c>
      <c r="I13" s="3">
        <v>35.297565599999999</v>
      </c>
      <c r="J13" s="3">
        <v>132.87828809999999</v>
      </c>
      <c r="K13" s="3"/>
      <c r="L13" s="7"/>
      <c r="BU13" s="6"/>
      <c r="BV13" s="6"/>
      <c r="BW13" s="6"/>
      <c r="BX13" s="6"/>
      <c r="BY13" s="6"/>
    </row>
  </sheetData>
  <phoneticPr fontId="1"/>
  <printOptions horizontalCentered="1"/>
  <pageMargins left="0.19685039370078741" right="0.15748031496062992" top="0.35433070866141736" bottom="0.27559055118110237" header="0.19685039370078741" footer="0.15748031496062992"/>
  <pageSetup paperSize="9" scale="60" fitToHeight="4" orientation="portrait" useFirstPageNumber="1" r:id="rId1"/>
  <headerFooter alignWithMargins="0"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認定こども園</vt:lpstr>
      <vt:lpstr>認定こども園!data_03</vt:lpstr>
      <vt:lpstr>認定こども園!Print_Area</vt:lpstr>
    </vt:vector>
  </TitlesOfParts>
  <Company>島根県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情報政策課</cp:lastModifiedBy>
  <cp:lastPrinted>2016-04-25T02:11:45Z</cp:lastPrinted>
  <dcterms:created xsi:type="dcterms:W3CDTF">2005-03-27T03:22:32Z</dcterms:created>
  <dcterms:modified xsi:type="dcterms:W3CDTF">2017-03-14T12:06:24Z</dcterms:modified>
</cp:coreProperties>
</file>